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gif" ContentType="image/gi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225"/>
  <workbookPr/>
  <mc:AlternateContent xmlns:mc="http://schemas.openxmlformats.org/markup-compatibility/2006">
    <mc:Choice Requires="x15">
      <x15ac:absPath xmlns:x15ac="http://schemas.microsoft.com/office/spreadsheetml/2010/11/ac" url="C:\Users\i2427\Desktop\Clean- Medicare(WORD_ME)\25\Attachment\"/>
    </mc:Choice>
  </mc:AlternateContent>
  <xr:revisionPtr revIDLastSave="0" documentId="8_{E55BCF62-67E7-42E9-BD8A-2D5782676F12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Sheet1" sheetId="2" r:id="rId1"/>
  </sheets>
  <definedNames>
    <definedName name="IEHP_ADD_02_13_2020_to_02_20_2020" localSheetId="0">Sheet1!$A$5:$AH$5</definedName>
    <definedName name="_xlnm.Print_Area" localSheetId="0">Sheet1!$A$1:$DG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8AE4F794-B644-4586-B330-789B659FD5F2}" name="IEHP ADD 02-13-2020 to 02-20-20201" type="6" refreshedVersion="6" background="1" saveData="1">
    <textPr codePage="437" sourceFile="X:\nammontfs01_ChartReview\ASM Submissions Inprogress\IEHP\IEHP ADD 02-13-2020 to 02-20-2020.csv" tab="0" comma="1">
      <textFields count="89"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  <textField type="text"/>
      </textFields>
    </textPr>
  </connection>
</connections>
</file>

<file path=xl/sharedStrings.xml><?xml version="1.0" encoding="utf-8"?>
<sst xmlns="http://schemas.openxmlformats.org/spreadsheetml/2006/main" count="73" uniqueCount="67">
  <si>
    <t>HEALTH_PLAN</t>
  </si>
  <si>
    <t>MBR_HPID</t>
  </si>
  <si>
    <t>MBR_LAST_NAME</t>
  </si>
  <si>
    <t>MBR_FIRST_NAME</t>
  </si>
  <si>
    <t>MBR_DOB</t>
  </si>
  <si>
    <t>MBR_GENDER</t>
  </si>
  <si>
    <t>DOS_FROM</t>
  </si>
  <si>
    <t>DOS_THRU</t>
  </si>
  <si>
    <t>ICD_INDICATOR</t>
  </si>
  <si>
    <t>ICD_CODE_1</t>
  </si>
  <si>
    <t>ICD_CODE_2</t>
  </si>
  <si>
    <t>ICD_CODE_3</t>
  </si>
  <si>
    <t>ICD_CODE_4</t>
  </si>
  <si>
    <t>ICD_CODE_47</t>
  </si>
  <si>
    <t>ICD_CODE_48</t>
  </si>
  <si>
    <t>ICD_CODE_49</t>
  </si>
  <si>
    <t>ICD_CODE_50</t>
  </si>
  <si>
    <t>PLACE_OF_SERVICE</t>
  </si>
  <si>
    <t>CLAIM_TYPE</t>
  </si>
  <si>
    <t>BILL_PROV_NPI</t>
  </si>
  <si>
    <t>BILL_PROV_LAST_NAME</t>
  </si>
  <si>
    <t>BILL_PROV_FIRST_NAME</t>
  </si>
  <si>
    <t>REND_PROV_TAXID</t>
  </si>
  <si>
    <t>REND_PROV_NPI</t>
  </si>
  <si>
    <t>REND_PROV_LAST_NAME</t>
  </si>
  <si>
    <t>REND_PROV_FIRST_NAME</t>
  </si>
  <si>
    <t>BILL_PROV_STREET_ADDRESS</t>
  </si>
  <si>
    <t>BILL_PROV_CITY</t>
  </si>
  <si>
    <t>BILL_PROV_STATE</t>
  </si>
  <si>
    <t>BILL_PROV_ZIP_CODE</t>
  </si>
  <si>
    <t>BILL_ENTITY_TYPE</t>
  </si>
  <si>
    <t>BILL_PROV_TAXONOMY</t>
  </si>
  <si>
    <t>MBR_MBI</t>
  </si>
  <si>
    <t>(Optional)</t>
  </si>
  <si>
    <t>Default value = IEHP (Required)</t>
  </si>
  <si>
    <t>IEHP 14-digit Member Number (Required)</t>
  </si>
  <si>
    <t>Member last name (Required)</t>
  </si>
  <si>
    <t>Member first name (Required)</t>
  </si>
  <si>
    <t>Member date of birth, format: dd/mm/yyyy (Required)</t>
  </si>
  <si>
    <t xml:space="preserve">Member gender    M = Male,                F = Female   (Required)  </t>
  </si>
  <si>
    <t>Member's MBI (Medicare Beneficiary Identifier) (Required)</t>
  </si>
  <si>
    <t>Initial date of service for the claim (Required)</t>
  </si>
  <si>
    <t>Final date of service for the claim (Required)</t>
  </si>
  <si>
    <t>Place of Service Code (Required)</t>
  </si>
  <si>
    <t>Professional or Institutional (Required)</t>
  </si>
  <si>
    <t>Default value = 10 (Required)</t>
  </si>
  <si>
    <t>For ICD_CODE_1 through ICD_CODE_50, list one ICD code in each column until all ICD codes are recorded, leaving the remaining columns blank (Required)</t>
  </si>
  <si>
    <t>Billing Provider Tax ID Number (Required)</t>
  </si>
  <si>
    <t>Billing Provider Taxonomy Code (Required)</t>
  </si>
  <si>
    <t>Billing Provider NPI (Required)</t>
  </si>
  <si>
    <t>Billing Provider Last Name (Required)</t>
  </si>
  <si>
    <t>Billing Provider First Name (Required)</t>
  </si>
  <si>
    <t>Billing Provider Street Address (Required)</t>
  </si>
  <si>
    <t>Billing Provider City (Required)</t>
  </si>
  <si>
    <t>Billing Provider State (Required)</t>
  </si>
  <si>
    <t>Billing Provider Zip Code (Required)</t>
  </si>
  <si>
    <t>An indicator of if the billing provider is a person or an organization.                                          1 = Person, 2 = Non-person entity (organization) (Required)</t>
  </si>
  <si>
    <t>Rendering Provider Tax ID Number (Required)</t>
  </si>
  <si>
    <t>Rendering Provider NPI (Required)</t>
  </si>
  <si>
    <t>Rendering Provider Last Name (Required)</t>
  </si>
  <si>
    <t>Rendering Provider First Name (Required)</t>
  </si>
  <si>
    <t>REND_PROV_TAXONOMY_CODE</t>
  </si>
  <si>
    <t xml:space="preserve"> IPA ASM File Layout</t>
  </si>
  <si>
    <t>Rendering Provider Taxonomy Code (Highly Recommended)</t>
  </si>
  <si>
    <t>IEHP_CLAIM_ID</t>
  </si>
  <si>
    <t>Original IEHP Claim ID (Required for deletes only)</t>
  </si>
  <si>
    <t>Template Version 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3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8" tint="0.59999389629810485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</borders>
  <cellStyleXfs count="1">
    <xf numFmtId="0" fontId="0" fillId="0" borderId="0"/>
  </cellStyleXfs>
  <cellXfs count="16">
    <xf numFmtId="0" fontId="0" fillId="0" borderId="0" xfId="0"/>
    <xf numFmtId="0" fontId="0" fillId="0" borderId="0" xfId="0" applyAlignment="1">
      <alignment wrapText="1"/>
    </xf>
    <xf numFmtId="0" fontId="0" fillId="0" borderId="0" xfId="0" applyAlignment="1"/>
    <xf numFmtId="0" fontId="0" fillId="2" borderId="1" xfId="0" applyFill="1" applyBorder="1"/>
    <xf numFmtId="0" fontId="0" fillId="0" borderId="2" xfId="0" applyBorder="1"/>
    <xf numFmtId="49" fontId="0" fillId="4" borderId="1" xfId="0" applyNumberFormat="1" applyFill="1" applyBorder="1"/>
    <xf numFmtId="49" fontId="0" fillId="4" borderId="5" xfId="0" applyNumberFormat="1" applyFill="1" applyBorder="1"/>
    <xf numFmtId="0" fontId="0" fillId="4" borderId="1" xfId="0" applyFill="1" applyBorder="1"/>
    <xf numFmtId="0" fontId="0" fillId="0" borderId="1" xfId="0" applyBorder="1" applyAlignment="1">
      <alignment wrapText="1"/>
    </xf>
    <xf numFmtId="0" fontId="0" fillId="3" borderId="1" xfId="0" applyFill="1" applyBorder="1" applyAlignment="1">
      <alignment wrapText="1"/>
    </xf>
    <xf numFmtId="0" fontId="0" fillId="0" borderId="6" xfId="0" applyBorder="1" applyAlignment="1">
      <alignment horizontal="center"/>
    </xf>
    <xf numFmtId="0" fontId="0" fillId="0" borderId="7" xfId="0" applyBorder="1" applyAlignment="1">
      <alignment horizontal="center"/>
    </xf>
    <xf numFmtId="0" fontId="1" fillId="0" borderId="0" xfId="0" applyFont="1" applyBorder="1" applyAlignment="1">
      <alignment horizontal="left"/>
    </xf>
    <xf numFmtId="0" fontId="1" fillId="0" borderId="2" xfId="0" applyFont="1" applyBorder="1" applyAlignment="1">
      <alignment horizontal="left"/>
    </xf>
    <xf numFmtId="0" fontId="1" fillId="0" borderId="4" xfId="0" applyFont="1" applyBorder="1" applyAlignment="1">
      <alignment horizontal="left"/>
    </xf>
    <xf numFmtId="0" fontId="1" fillId="0" borderId="3" xfId="0" applyFont="1" applyBorder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gi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1</xdr:col>
      <xdr:colOff>0</xdr:colOff>
      <xdr:row>3</xdr:row>
      <xdr:rowOff>163229</xdr:rowOff>
    </xdr:to>
    <xdr:pic>
      <xdr:nvPicPr>
        <xdr:cNvPr id="2" name="Picture 1" descr="Official-CMC_Logo-OL.GIF">
          <a:extLst>
            <a:ext uri="{FF2B5EF4-FFF2-40B4-BE49-F238E27FC236}">
              <a16:creationId xmlns:a16="http://schemas.microsoft.com/office/drawing/2014/main" id="{0BB5EB13-D515-4991-922D-6CC1D5A9109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xfrm>
          <a:off x="0" y="0"/>
          <a:ext cx="1266825" cy="734729"/>
        </a:xfrm>
        <a:prstGeom prst="rect">
          <a:avLst/>
        </a:prstGeom>
      </xdr:spPr>
    </xdr:pic>
    <xdr:clientData/>
  </xdr:twoCellAnchor>
</xdr:wsDr>
</file>

<file path=xl/queryTables/queryTable1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IEHP ADD 02-13-2020 to 02-20-2020" connectionId="1" xr16:uid="{7A1207CD-C4C0-46EE-8385-FB1F58AD7E84}" autoFormatId="16" applyNumberFormats="0" applyBorderFormats="0" applyFontFormats="0" applyPatternFormats="0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EFB3FE-3D19-4819-A78F-841AF357CCC2}">
  <dimension ref="A1:AJ87"/>
  <sheetViews>
    <sheetView tabSelected="1" view="pageBreakPreview" zoomScale="60" zoomScaleNormal="100" workbookViewId="0">
      <selection activeCell="AM16" sqref="AM16"/>
    </sheetView>
  </sheetViews>
  <sheetFormatPr defaultRowHeight="15" x14ac:dyDescent="0.25"/>
  <cols>
    <col min="1" max="1" width="19" bestFit="1" customWidth="1"/>
    <col min="2" max="2" width="12.140625" bestFit="1" customWidth="1"/>
    <col min="3" max="3" width="16.7109375" bestFit="1" customWidth="1"/>
    <col min="4" max="4" width="17.42578125" bestFit="1" customWidth="1"/>
    <col min="5" max="5" width="15.28515625" bestFit="1" customWidth="1"/>
    <col min="6" max="6" width="15.42578125" bestFit="1" customWidth="1"/>
    <col min="7" max="7" width="20.42578125" bestFit="1" customWidth="1"/>
    <col min="8" max="8" width="12.140625" bestFit="1" customWidth="1"/>
    <col min="9" max="9" width="12" bestFit="1" customWidth="1"/>
    <col min="10" max="10" width="18.28515625" bestFit="1" customWidth="1"/>
    <col min="11" max="11" width="11.7109375" bestFit="1" customWidth="1"/>
    <col min="12" max="12" width="15" bestFit="1" customWidth="1"/>
    <col min="13" max="13" width="36.28515625" bestFit="1" customWidth="1"/>
    <col min="14" max="16" width="11.85546875" bestFit="1" customWidth="1"/>
    <col min="17" max="20" width="12.85546875" bestFit="1" customWidth="1"/>
    <col min="21" max="21" width="16.85546875" bestFit="1" customWidth="1"/>
    <col min="22" max="22" width="22.28515625" bestFit="1" customWidth="1"/>
    <col min="23" max="23" width="14.7109375" bestFit="1" customWidth="1"/>
    <col min="24" max="24" width="22.42578125" bestFit="1" customWidth="1"/>
    <col min="25" max="25" width="23" bestFit="1" customWidth="1"/>
    <col min="26" max="26" width="27.140625" bestFit="1" customWidth="1"/>
    <col min="27" max="27" width="15.28515625" bestFit="1" customWidth="1"/>
    <col min="28" max="28" width="16.85546875" bestFit="1" customWidth="1"/>
    <col min="29" max="29" width="20.28515625" bestFit="1" customWidth="1"/>
    <col min="30" max="30" width="34" bestFit="1" customWidth="1"/>
    <col min="31" max="31" width="18.42578125" bestFit="1" customWidth="1"/>
    <col min="32" max="32" width="16.140625" bestFit="1" customWidth="1"/>
    <col min="33" max="33" width="23.85546875" bestFit="1" customWidth="1"/>
    <col min="34" max="34" width="24.42578125" bestFit="1" customWidth="1"/>
    <col min="35" max="35" width="29.85546875" bestFit="1" customWidth="1"/>
    <col min="36" max="36" width="25.42578125" customWidth="1"/>
  </cols>
  <sheetData>
    <row r="1" spans="1:36" s="2" customFormat="1" x14ac:dyDescent="0.25">
      <c r="A1" s="10"/>
      <c r="B1" s="12" t="s">
        <v>62</v>
      </c>
      <c r="C1" s="12"/>
      <c r="D1" s="12"/>
      <c r="E1" s="12"/>
      <c r="F1" s="12"/>
      <c r="G1" s="12"/>
      <c r="H1" s="12"/>
      <c r="I1" s="12"/>
      <c r="J1" s="12"/>
      <c r="K1" s="12"/>
      <c r="L1" s="12"/>
      <c r="M1" s="12"/>
      <c r="N1" s="12"/>
      <c r="O1" s="12"/>
      <c r="P1" s="12"/>
      <c r="Q1" s="12"/>
      <c r="R1" s="12"/>
      <c r="S1" s="12"/>
      <c r="T1" s="12"/>
      <c r="U1" s="12"/>
      <c r="V1" s="12"/>
      <c r="W1" s="12"/>
      <c r="X1" s="12"/>
      <c r="Y1" s="12"/>
      <c r="Z1" s="12"/>
      <c r="AA1" s="12"/>
      <c r="AB1" s="12"/>
      <c r="AC1" s="12"/>
      <c r="AD1" s="12"/>
      <c r="AE1" s="12"/>
      <c r="AF1" s="12"/>
      <c r="AG1" s="12"/>
      <c r="AH1" s="12"/>
      <c r="AI1" s="12"/>
      <c r="AJ1" s="13"/>
    </row>
    <row r="2" spans="1:36" s="2" customFormat="1" x14ac:dyDescent="0.25">
      <c r="A2" s="11"/>
      <c r="B2" s="12"/>
      <c r="C2" s="12"/>
      <c r="D2" s="12"/>
      <c r="E2" s="12"/>
      <c r="F2" s="12"/>
      <c r="G2" s="12"/>
      <c r="H2" s="12"/>
      <c r="I2" s="12"/>
      <c r="J2" s="12"/>
      <c r="K2" s="12"/>
      <c r="L2" s="12"/>
      <c r="M2" s="12"/>
      <c r="N2" s="12"/>
      <c r="O2" s="12"/>
      <c r="P2" s="12"/>
      <c r="Q2" s="12"/>
      <c r="R2" s="12"/>
      <c r="S2" s="12"/>
      <c r="T2" s="12"/>
      <c r="U2" s="12"/>
      <c r="V2" s="12"/>
      <c r="W2" s="12"/>
      <c r="X2" s="12"/>
      <c r="Y2" s="12"/>
      <c r="Z2" s="12"/>
      <c r="AA2" s="12"/>
      <c r="AB2" s="12"/>
      <c r="AC2" s="12"/>
      <c r="AD2" s="12"/>
      <c r="AE2" s="12"/>
      <c r="AF2" s="12"/>
      <c r="AG2" s="12"/>
      <c r="AH2" s="12"/>
      <c r="AI2" s="12"/>
      <c r="AJ2" s="13"/>
    </row>
    <row r="3" spans="1:36" x14ac:dyDescent="0.25">
      <c r="A3" s="11"/>
      <c r="B3" s="12" t="s">
        <v>66</v>
      </c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12"/>
      <c r="X3" s="12"/>
      <c r="Y3" s="12"/>
      <c r="Z3" s="12"/>
      <c r="AA3" s="12"/>
      <c r="AB3" s="12"/>
      <c r="AC3" s="12"/>
      <c r="AD3" s="12"/>
      <c r="AE3" s="12"/>
      <c r="AF3" s="12"/>
      <c r="AG3" s="12"/>
      <c r="AH3" s="12"/>
      <c r="AI3" s="12"/>
      <c r="AJ3" s="13"/>
    </row>
    <row r="4" spans="1:36" x14ac:dyDescent="0.25">
      <c r="A4" s="11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4"/>
      <c r="V4" s="14"/>
      <c r="W4" s="14"/>
      <c r="X4" s="14"/>
      <c r="Y4" s="14"/>
      <c r="Z4" s="14"/>
      <c r="AA4" s="14"/>
      <c r="AB4" s="14"/>
      <c r="AC4" s="14"/>
      <c r="AD4" s="14"/>
      <c r="AE4" s="14"/>
      <c r="AF4" s="14"/>
      <c r="AG4" s="14"/>
      <c r="AH4" s="14"/>
      <c r="AI4" s="14"/>
      <c r="AJ4" s="15"/>
    </row>
    <row r="5" spans="1:36" s="3" customFormat="1" x14ac:dyDescent="0.25">
      <c r="A5" s="5" t="s">
        <v>0</v>
      </c>
      <c r="B5" s="5" t="s">
        <v>1</v>
      </c>
      <c r="C5" s="5" t="s">
        <v>2</v>
      </c>
      <c r="D5" s="5" t="s">
        <v>3</v>
      </c>
      <c r="E5" s="5" t="s">
        <v>4</v>
      </c>
      <c r="F5" s="5" t="s">
        <v>5</v>
      </c>
      <c r="G5" s="5" t="s">
        <v>32</v>
      </c>
      <c r="H5" s="5" t="s">
        <v>6</v>
      </c>
      <c r="I5" s="5" t="s">
        <v>7</v>
      </c>
      <c r="J5" s="5" t="s">
        <v>17</v>
      </c>
      <c r="K5" s="5" t="s">
        <v>18</v>
      </c>
      <c r="L5" s="5" t="s">
        <v>8</v>
      </c>
      <c r="M5" s="5" t="s">
        <v>9</v>
      </c>
      <c r="N5" s="5" t="s">
        <v>10</v>
      </c>
      <c r="O5" s="5" t="s">
        <v>11</v>
      </c>
      <c r="P5" s="5" t="s">
        <v>12</v>
      </c>
      <c r="Q5" s="5" t="s">
        <v>13</v>
      </c>
      <c r="R5" s="5" t="s">
        <v>14</v>
      </c>
      <c r="S5" s="5" t="s">
        <v>15</v>
      </c>
      <c r="T5" s="5" t="s">
        <v>16</v>
      </c>
      <c r="U5" s="5"/>
      <c r="V5" s="5" t="s">
        <v>31</v>
      </c>
      <c r="W5" s="5" t="s">
        <v>19</v>
      </c>
      <c r="X5" s="5" t="s">
        <v>20</v>
      </c>
      <c r="Y5" s="5" t="s">
        <v>21</v>
      </c>
      <c r="Z5" s="5" t="s">
        <v>26</v>
      </c>
      <c r="AA5" s="5" t="s">
        <v>27</v>
      </c>
      <c r="AB5" s="5" t="s">
        <v>28</v>
      </c>
      <c r="AC5" s="5" t="s">
        <v>29</v>
      </c>
      <c r="AD5" s="5" t="s">
        <v>30</v>
      </c>
      <c r="AE5" s="5" t="s">
        <v>22</v>
      </c>
      <c r="AF5" s="5" t="s">
        <v>23</v>
      </c>
      <c r="AG5" s="6" t="s">
        <v>24</v>
      </c>
      <c r="AH5" s="5" t="s">
        <v>25</v>
      </c>
      <c r="AI5" s="5" t="s">
        <v>61</v>
      </c>
      <c r="AJ5" s="7" t="s">
        <v>64</v>
      </c>
    </row>
    <row r="6" spans="1:36" s="1" customFormat="1" ht="75.75" customHeight="1" x14ac:dyDescent="0.25">
      <c r="A6" s="8" t="s">
        <v>34</v>
      </c>
      <c r="B6" s="8" t="s">
        <v>35</v>
      </c>
      <c r="C6" s="8" t="s">
        <v>36</v>
      </c>
      <c r="D6" s="8" t="s">
        <v>37</v>
      </c>
      <c r="E6" s="8" t="s">
        <v>38</v>
      </c>
      <c r="F6" s="8" t="s">
        <v>39</v>
      </c>
      <c r="G6" s="8" t="s">
        <v>40</v>
      </c>
      <c r="H6" s="8" t="s">
        <v>41</v>
      </c>
      <c r="I6" s="8" t="s">
        <v>42</v>
      </c>
      <c r="J6" s="8" t="s">
        <v>43</v>
      </c>
      <c r="K6" s="8" t="s">
        <v>44</v>
      </c>
      <c r="L6" s="8" t="s">
        <v>45</v>
      </c>
      <c r="M6" s="8" t="s">
        <v>46</v>
      </c>
      <c r="N6" s="8" t="s">
        <v>33</v>
      </c>
      <c r="O6" s="8" t="s">
        <v>33</v>
      </c>
      <c r="P6" s="8" t="s">
        <v>33</v>
      </c>
      <c r="Q6" s="8" t="s">
        <v>33</v>
      </c>
      <c r="R6" s="8" t="s">
        <v>33</v>
      </c>
      <c r="S6" s="8" t="s">
        <v>33</v>
      </c>
      <c r="T6" s="8" t="s">
        <v>33</v>
      </c>
      <c r="U6" s="8" t="s">
        <v>47</v>
      </c>
      <c r="V6" s="8" t="s">
        <v>48</v>
      </c>
      <c r="W6" s="8" t="s">
        <v>49</v>
      </c>
      <c r="X6" s="8" t="s">
        <v>50</v>
      </c>
      <c r="Y6" s="8" t="s">
        <v>51</v>
      </c>
      <c r="Z6" s="8" t="s">
        <v>52</v>
      </c>
      <c r="AA6" s="8" t="s">
        <v>53</v>
      </c>
      <c r="AB6" s="8" t="s">
        <v>54</v>
      </c>
      <c r="AC6" s="8" t="s">
        <v>55</v>
      </c>
      <c r="AD6" s="8" t="s">
        <v>56</v>
      </c>
      <c r="AE6" s="8" t="s">
        <v>57</v>
      </c>
      <c r="AF6" s="8" t="s">
        <v>58</v>
      </c>
      <c r="AG6" s="8" t="s">
        <v>59</v>
      </c>
      <c r="AH6" s="8" t="s">
        <v>60</v>
      </c>
      <c r="AI6" s="8" t="s">
        <v>63</v>
      </c>
      <c r="AJ6" s="9" t="s">
        <v>65</v>
      </c>
    </row>
    <row r="7" spans="1:36" x14ac:dyDescent="0.25">
      <c r="AJ7" s="4"/>
    </row>
    <row r="8" spans="1:36" x14ac:dyDescent="0.25">
      <c r="AJ8" s="4"/>
    </row>
    <row r="9" spans="1:36" x14ac:dyDescent="0.25">
      <c r="AJ9" s="4"/>
    </row>
    <row r="10" spans="1:36" x14ac:dyDescent="0.25">
      <c r="AJ10" s="4"/>
    </row>
    <row r="11" spans="1:36" x14ac:dyDescent="0.25">
      <c r="AJ11" s="4"/>
    </row>
    <row r="12" spans="1:36" x14ac:dyDescent="0.25">
      <c r="AJ12" s="4"/>
    </row>
    <row r="13" spans="1:36" x14ac:dyDescent="0.25">
      <c r="AJ13" s="4"/>
    </row>
    <row r="14" spans="1:36" x14ac:dyDescent="0.25">
      <c r="AJ14" s="4"/>
    </row>
    <row r="15" spans="1:36" x14ac:dyDescent="0.25">
      <c r="AJ15" s="4"/>
    </row>
    <row r="16" spans="1:36" x14ac:dyDescent="0.25">
      <c r="AJ16" s="4"/>
    </row>
    <row r="17" spans="36:36" x14ac:dyDescent="0.25">
      <c r="AJ17" s="4"/>
    </row>
    <row r="18" spans="36:36" x14ac:dyDescent="0.25">
      <c r="AJ18" s="4"/>
    </row>
    <row r="19" spans="36:36" x14ac:dyDescent="0.25">
      <c r="AJ19" s="4"/>
    </row>
    <row r="20" spans="36:36" x14ac:dyDescent="0.25">
      <c r="AJ20" s="4"/>
    </row>
    <row r="21" spans="36:36" x14ac:dyDescent="0.25">
      <c r="AJ21" s="4"/>
    </row>
    <row r="22" spans="36:36" x14ac:dyDescent="0.25">
      <c r="AJ22" s="4"/>
    </row>
    <row r="23" spans="36:36" x14ac:dyDescent="0.25">
      <c r="AJ23" s="4"/>
    </row>
    <row r="24" spans="36:36" x14ac:dyDescent="0.25">
      <c r="AJ24" s="4"/>
    </row>
    <row r="25" spans="36:36" x14ac:dyDescent="0.25">
      <c r="AJ25" s="4"/>
    </row>
    <row r="26" spans="36:36" x14ac:dyDescent="0.25">
      <c r="AJ26" s="4"/>
    </row>
    <row r="27" spans="36:36" x14ac:dyDescent="0.25">
      <c r="AJ27" s="4"/>
    </row>
    <row r="28" spans="36:36" x14ac:dyDescent="0.25">
      <c r="AJ28" s="4"/>
    </row>
    <row r="29" spans="36:36" x14ac:dyDescent="0.25">
      <c r="AJ29" s="4"/>
    </row>
    <row r="30" spans="36:36" x14ac:dyDescent="0.25">
      <c r="AJ30" s="4"/>
    </row>
    <row r="31" spans="36:36" x14ac:dyDescent="0.25">
      <c r="AJ31" s="4"/>
    </row>
    <row r="32" spans="36:36" x14ac:dyDescent="0.25">
      <c r="AJ32" s="4"/>
    </row>
    <row r="33" spans="36:36" x14ac:dyDescent="0.25">
      <c r="AJ33" s="4"/>
    </row>
    <row r="34" spans="36:36" x14ac:dyDescent="0.25">
      <c r="AJ34" s="4"/>
    </row>
    <row r="35" spans="36:36" x14ac:dyDescent="0.25">
      <c r="AJ35" s="4"/>
    </row>
    <row r="36" spans="36:36" x14ac:dyDescent="0.25">
      <c r="AJ36" s="4"/>
    </row>
    <row r="37" spans="36:36" x14ac:dyDescent="0.25">
      <c r="AJ37" s="4"/>
    </row>
    <row r="38" spans="36:36" x14ac:dyDescent="0.25">
      <c r="AJ38" s="4"/>
    </row>
    <row r="39" spans="36:36" x14ac:dyDescent="0.25">
      <c r="AJ39" s="4"/>
    </row>
    <row r="40" spans="36:36" x14ac:dyDescent="0.25">
      <c r="AJ40" s="4"/>
    </row>
    <row r="41" spans="36:36" x14ac:dyDescent="0.25">
      <c r="AJ41" s="4"/>
    </row>
    <row r="42" spans="36:36" x14ac:dyDescent="0.25">
      <c r="AJ42" s="4"/>
    </row>
    <row r="43" spans="36:36" x14ac:dyDescent="0.25">
      <c r="AJ43" s="4"/>
    </row>
    <row r="44" spans="36:36" x14ac:dyDescent="0.25">
      <c r="AJ44" s="4"/>
    </row>
    <row r="45" spans="36:36" x14ac:dyDescent="0.25">
      <c r="AJ45" s="4"/>
    </row>
    <row r="46" spans="36:36" x14ac:dyDescent="0.25">
      <c r="AJ46" s="4"/>
    </row>
    <row r="47" spans="36:36" x14ac:dyDescent="0.25">
      <c r="AJ47" s="4"/>
    </row>
    <row r="48" spans="36:36" x14ac:dyDescent="0.25">
      <c r="AJ48" s="4"/>
    </row>
    <row r="49" spans="36:36" x14ac:dyDescent="0.25">
      <c r="AJ49" s="4"/>
    </row>
    <row r="50" spans="36:36" x14ac:dyDescent="0.25">
      <c r="AJ50" s="4"/>
    </row>
    <row r="51" spans="36:36" x14ac:dyDescent="0.25">
      <c r="AJ51" s="4"/>
    </row>
    <row r="52" spans="36:36" x14ac:dyDescent="0.25">
      <c r="AJ52" s="4"/>
    </row>
    <row r="53" spans="36:36" x14ac:dyDescent="0.25">
      <c r="AJ53" s="4"/>
    </row>
    <row r="54" spans="36:36" x14ac:dyDescent="0.25">
      <c r="AJ54" s="4"/>
    </row>
    <row r="55" spans="36:36" x14ac:dyDescent="0.25">
      <c r="AJ55" s="4"/>
    </row>
    <row r="56" spans="36:36" x14ac:dyDescent="0.25">
      <c r="AJ56" s="4"/>
    </row>
    <row r="57" spans="36:36" x14ac:dyDescent="0.25">
      <c r="AJ57" s="4"/>
    </row>
    <row r="58" spans="36:36" x14ac:dyDescent="0.25">
      <c r="AJ58" s="4"/>
    </row>
    <row r="59" spans="36:36" x14ac:dyDescent="0.25">
      <c r="AJ59" s="4"/>
    </row>
    <row r="60" spans="36:36" x14ac:dyDescent="0.25">
      <c r="AJ60" s="4"/>
    </row>
    <row r="61" spans="36:36" x14ac:dyDescent="0.25">
      <c r="AJ61" s="4"/>
    </row>
    <row r="62" spans="36:36" x14ac:dyDescent="0.25">
      <c r="AJ62" s="4"/>
    </row>
    <row r="63" spans="36:36" x14ac:dyDescent="0.25">
      <c r="AJ63" s="4"/>
    </row>
    <row r="64" spans="36:36" x14ac:dyDescent="0.25">
      <c r="AJ64" s="4"/>
    </row>
    <row r="65" spans="36:36" x14ac:dyDescent="0.25">
      <c r="AJ65" s="4"/>
    </row>
    <row r="66" spans="36:36" x14ac:dyDescent="0.25">
      <c r="AJ66" s="4"/>
    </row>
    <row r="67" spans="36:36" x14ac:dyDescent="0.25">
      <c r="AJ67" s="4"/>
    </row>
    <row r="68" spans="36:36" x14ac:dyDescent="0.25">
      <c r="AJ68" s="4"/>
    </row>
    <row r="69" spans="36:36" x14ac:dyDescent="0.25">
      <c r="AJ69" s="4"/>
    </row>
    <row r="70" spans="36:36" x14ac:dyDescent="0.25">
      <c r="AJ70" s="4"/>
    </row>
    <row r="71" spans="36:36" x14ac:dyDescent="0.25">
      <c r="AJ71" s="4"/>
    </row>
    <row r="72" spans="36:36" x14ac:dyDescent="0.25">
      <c r="AJ72" s="4"/>
    </row>
    <row r="73" spans="36:36" x14ac:dyDescent="0.25">
      <c r="AJ73" s="4"/>
    </row>
    <row r="74" spans="36:36" x14ac:dyDescent="0.25">
      <c r="AJ74" s="4"/>
    </row>
    <row r="75" spans="36:36" x14ac:dyDescent="0.25">
      <c r="AJ75" s="4"/>
    </row>
    <row r="76" spans="36:36" x14ac:dyDescent="0.25">
      <c r="AJ76" s="4"/>
    </row>
    <row r="77" spans="36:36" x14ac:dyDescent="0.25">
      <c r="AJ77" s="4"/>
    </row>
    <row r="78" spans="36:36" x14ac:dyDescent="0.25">
      <c r="AJ78" s="4"/>
    </row>
    <row r="79" spans="36:36" x14ac:dyDescent="0.25">
      <c r="AJ79" s="4"/>
    </row>
    <row r="80" spans="36:36" x14ac:dyDescent="0.25">
      <c r="AJ80" s="4"/>
    </row>
    <row r="81" spans="36:36" x14ac:dyDescent="0.25">
      <c r="AJ81" s="4"/>
    </row>
    <row r="82" spans="36:36" x14ac:dyDescent="0.25">
      <c r="AJ82" s="4"/>
    </row>
    <row r="83" spans="36:36" x14ac:dyDescent="0.25">
      <c r="AJ83" s="4"/>
    </row>
    <row r="84" spans="36:36" x14ac:dyDescent="0.25">
      <c r="AJ84" s="4"/>
    </row>
    <row r="85" spans="36:36" x14ac:dyDescent="0.25">
      <c r="AJ85" s="4"/>
    </row>
    <row r="86" spans="36:36" x14ac:dyDescent="0.25">
      <c r="AJ86" s="4"/>
    </row>
    <row r="87" spans="36:36" x14ac:dyDescent="0.25">
      <c r="AJ87" s="4"/>
    </row>
  </sheetData>
  <mergeCells count="3">
    <mergeCell ref="A1:A4"/>
    <mergeCell ref="B1:AJ2"/>
    <mergeCell ref="B3:AJ4"/>
  </mergeCells>
  <pageMargins left="0.25" right="0.25" top="0.75" bottom="0.75" header="0.3" footer="0.3"/>
  <pageSetup scale="50" fitToHeight="0" orientation="landscape" r:id="rId1"/>
  <headerFooter>
    <oddHeader>&amp;R&amp;"Times New Roman,Regular"&amp;10Attachment 25 - IEHP ASM File Template</oddHeader>
  </headerFooter>
  <colBreaks count="3" manualBreakCount="3">
    <brk id="12" max="23" man="1"/>
    <brk id="26" max="1048575" man="1"/>
    <brk id="36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</vt:i4>
      </vt:variant>
    </vt:vector>
  </HeadingPairs>
  <TitlesOfParts>
    <vt:vector size="3" baseType="lpstr">
      <vt:lpstr>Sheet1</vt:lpstr>
      <vt:lpstr>Sheet1!IEHP_ADD_02_13_2020_to_02_20_2020</vt:lpstr>
      <vt:lpstr>Sheet1!Print_Area</vt:lpstr>
    </vt:vector>
  </TitlesOfParts>
  <Company>North American Medical Managemen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sam Yousef</dc:creator>
  <cp:lastModifiedBy>Rosie Cruz</cp:lastModifiedBy>
  <cp:lastPrinted>2022-09-15T21:10:36Z</cp:lastPrinted>
  <dcterms:created xsi:type="dcterms:W3CDTF">2020-02-20T17:30:53Z</dcterms:created>
  <dcterms:modified xsi:type="dcterms:W3CDTF">2022-09-15T21:11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</Properties>
</file>